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05\005_生活困窮者対策G\005-予算・国庫協議・国の交付金　⇒課共有フォルダでの管理を基本とする\03_R4.地方創生臨時交付金事業\02補助要綱案\01生活困窮者支援団体応援事業\R6\02要綱\"/>
    </mc:Choice>
  </mc:AlternateContent>
  <bookViews>
    <workbookView xWindow="0" yWindow="0" windowWidth="19200" windowHeight="7308"/>
  </bookViews>
  <sheets>
    <sheet name="役員等氏名一覧表" sheetId="2" r:id="rId1"/>
  </sheets>
  <definedNames>
    <definedName name="_" localSheetId="0">#REF!</definedName>
    <definedName name="_">#REF!</definedName>
    <definedName name="_１_ア_小児初期救急センター運営事業" localSheetId="0">#REF!</definedName>
    <definedName name="_１_ア_小児初期救急センター運営事業">#REF!</definedName>
    <definedName name="_１_イ_共同利用型病院運営事業" localSheetId="0">#REF!</definedName>
    <definedName name="_１_イ_共同利用型病院運営事業">#REF!</definedName>
    <definedName name="_１_ウ_ヘリコプター等添乗医師等確保事業" localSheetId="0">#REF!</definedName>
    <definedName name="_１_ウ_ヘリコプター等添乗医師等確保事業">#REF!</definedName>
    <definedName name="_１_エ_救命救急センター運営事業" localSheetId="0">#REF!</definedName>
    <definedName name="_１_エ_救命救急センター運営事業">#REF!</definedName>
    <definedName name="_１_オ_小児救命救急センター運営事業" localSheetId="0">#REF!</definedName>
    <definedName name="_１_オ_小児救命救急センター運営事業">#REF!</definedName>
    <definedName name="_１_カ_ドクターヘリ導入促進事業" localSheetId="0">#REF!</definedName>
    <definedName name="_１_カ_ドクターヘリ導入促進事業">#REF!</definedName>
    <definedName name="_１_キ_救急救命士病院実習受入促進事業" localSheetId="0">#REF!</definedName>
    <definedName name="_１_キ_救急救命士病院実習受入促進事業">#REF!</definedName>
    <definedName name="_１_ク_自動体外式除細動器_ＡＥＤ_の普及啓発事業" localSheetId="0">#REF!</definedName>
    <definedName name="_１_ク_自動体外式除細動器_ＡＥＤ_の普及啓発事業">#REF!</definedName>
    <definedName name="_１_ケ_救急医療情報センター_広域災害・救急医療情報システム_運営事業" localSheetId="0">#REF!</definedName>
    <definedName name="_１_ケ_救急医療情報センター_広域災害・救急医療情報システム_運営事業">#REF!</definedName>
    <definedName name="_１_コ_救急・周産期医療情報システム機能強化事業" localSheetId="0">#REF!</definedName>
    <definedName name="_１_コ_救急・周産期医療情報システム機能強化事業">#REF!</definedName>
    <definedName name="_１_サ_救急患者退院コーディネーター事業" localSheetId="0">#REF!</definedName>
    <definedName name="_１_サ_救急患者退院コーディネーター事業">#REF!</definedName>
    <definedName name="_２_ア_周産期医療対策事業" localSheetId="0">#REF!</definedName>
    <definedName name="_２_ア_周産期医療対策事業">#REF!</definedName>
    <definedName name="_２_イ_周産期母子医療センター運営事業" localSheetId="0">#REF!</definedName>
    <definedName name="_２_イ_周産期母子医療センター運営事業">#REF!</definedName>
    <definedName name="_２_ウ_ＮＩＣＵ等長期入院児支援事業_ア_地域療育支援施設運営事業" localSheetId="0">#REF!</definedName>
    <definedName name="_２_ウ_ＮＩＣＵ等長期入院児支援事業_ア_地域療育支援施設運営事業">#REF!</definedName>
    <definedName name="_２_ウ_ＮＩＣＵ等長期入院児支援事業_ア_地域療育支援施設運営事業_イ_日中一時支援事業" localSheetId="0">#REF!</definedName>
    <definedName name="_２_ウ_ＮＩＣＵ等長期入院児支援事業_ア_地域療育支援施設運営事業_イ_日中一時支援事業">#REF!</definedName>
    <definedName name="_３_ア_外国人看護師候補者就労研修支援事業" localSheetId="0">#REF!</definedName>
    <definedName name="_３_ア_外国人看護師候補者就労研修支援事業">#REF!</definedName>
    <definedName name="_３_イ_看護職員就業相談員派遣面接相談事業" localSheetId="0">#REF!</definedName>
    <definedName name="_３_イ_看護職員就業相談員派遣面接相談事業">#REF!</definedName>
    <definedName name="_３_ウ_助産師出向支援導入事業" localSheetId="0">#REF!</definedName>
    <definedName name="_３_ウ_助産師出向支援導入事業">#REF!</definedName>
    <definedName name="_４_歯科医療安全管理体制推進特別事業" localSheetId="0">#REF!</definedName>
    <definedName name="_４_歯科医療安全管理体制推進特別事業">#REF!</definedName>
    <definedName name="_５_院内感染地域支援ネットワ_ク事業" localSheetId="0">#REF!</definedName>
    <definedName name="_５_院内感染地域支援ネットワ_ク事業">#REF!</definedName>
    <definedName name="_６_医療連携体制推進事業" localSheetId="0">#REF!</definedName>
    <definedName name="_６_医療連携体制推進事業">#REF!</definedName>
    <definedName name="_７_ア_ア_休日夜間急患センター設備整備事業" localSheetId="0">#REF!</definedName>
    <definedName name="_７_ア_ア_休日夜間急患センター設備整備事業">#REF!</definedName>
    <definedName name="_７_ア_イ_小児初期救急センター設備整備事業" localSheetId="0">#REF!</definedName>
    <definedName name="_７_ア_イ_小児初期救急センター設備整備事業">#REF!</definedName>
    <definedName name="_７_ア_ウ_病院群輪番制病院及び共同利用型病院設備整備事業" localSheetId="0">#REF!</definedName>
    <definedName name="_７_ア_ウ_病院群輪番制病院及び共同利用型病院設備整備事業">#REF!</definedName>
    <definedName name="_７_ア_エ_救命救急センター設備整備事業" localSheetId="0">#REF!</definedName>
    <definedName name="_７_ア_エ_救命救急センター設備整備事業">#REF!</definedName>
    <definedName name="_７_ア_オ_高度救命救急センター設備整備事業" localSheetId="0">#REF!</definedName>
    <definedName name="_７_ア_オ_高度救命救急センター設備整備事業">#REF!</definedName>
    <definedName name="_７_ア_カ_小児救急医療拠点病院設備整備事業" localSheetId="0">#REF!</definedName>
    <definedName name="_７_ア_カ_小児救急医療拠点病院設備整備事業">#REF!</definedName>
    <definedName name="_７_ア_キ_小児集中治療室設備整備事業" localSheetId="0">#REF!</definedName>
    <definedName name="_７_ア_キ_小児集中治療室設備整備事業">#REF!</definedName>
    <definedName name="_７_イ_小児救急遠隔医療設備整備事業" localSheetId="0">#REF!</definedName>
    <definedName name="_７_イ_小児救急遠隔医療設備整備事業">#REF!</definedName>
    <definedName name="_７_ウ_ア_小児医療施設設備整備事業" localSheetId="0">#REF!</definedName>
    <definedName name="_７_ウ_ア_小児医療施設設備整備事業">#REF!</definedName>
    <definedName name="_７_ウ_イ_周産期医療施設設備整備事業" localSheetId="0">#REF!</definedName>
    <definedName name="_７_ウ_イ_周産期医療施設設備整備事業">#REF!</definedName>
    <definedName name="_７_ウ_ウ_地域療育支援施設設備整備事業" localSheetId="0">#REF!</definedName>
    <definedName name="_７_ウ_ウ_地域療育支援施設設備整備事業">#REF!</definedName>
    <definedName name="_７_エ_共同利用施設設備整備事業_ア_公的医療機関等による共同利用施設" localSheetId="0">#REF!</definedName>
    <definedName name="_７_エ_共同利用施設設備整備事業_ア_公的医療機関等による共同利用施設">#REF!</definedName>
    <definedName name="_７_エ_共同利用施設設備整備事業_イ_地域医療支援病院の共同利用部門" localSheetId="0">#REF!</definedName>
    <definedName name="_７_エ_共同利用施設設備整備事業_イ_地域医療支援病院の共同利用部門">#REF!</definedName>
    <definedName name="_７_オ_ア_基幹災害拠点病院設備整備事業" localSheetId="0">#REF!</definedName>
    <definedName name="_７_オ_ア_基幹災害拠点病院設備整備事業">#REF!</definedName>
    <definedName name="_７_オ_イ_地域災害拠点病院設備整備事業" localSheetId="0">#REF!</definedName>
    <definedName name="_７_オ_イ_地域災害拠点病院設備整備事業">#REF!</definedName>
    <definedName name="_７_オ_ウ_ＮＢＣ災害・テロ対策設備整備事業" localSheetId="0">#REF!</definedName>
    <definedName name="_７_オ_ウ_ＮＢＣ災害・テロ対策設備整備事業">#REF!</definedName>
    <definedName name="_７_オ_エ_航空搬送拠点臨時医療施設設備整備事業" localSheetId="0">#REF!</definedName>
    <definedName name="_７_オ_エ_航空搬送拠点臨時医療施設設備整備事業">#REF!</definedName>
    <definedName name="_７_オ_オ_災害拠点精神科病院設備等整備事業" localSheetId="0">#REF!</definedName>
    <definedName name="_７_オ_オ_災害拠点精神科病院設備等整備事業">#REF!</definedName>
    <definedName name="_７_カ_人工腎臓装置不足地域設備整備事業" localSheetId="0">#REF!</definedName>
    <definedName name="_７_カ_人工腎臓装置不足地域設備整備事業">#REF!</definedName>
    <definedName name="_７_キ_ＨＬＡ検査センター設備整備事業" localSheetId="0">#REF!</definedName>
    <definedName name="_７_キ_ＨＬＡ検査センター設備整備事業">#REF!</definedName>
    <definedName name="_７_ク_院内感染対策設備整備事業" localSheetId="0">#REF!</definedName>
    <definedName name="_７_ク_院内感染対策設備整備事業">#REF!</definedName>
    <definedName name="_７_ケ_環境調整室設備整備事業" localSheetId="0">#REF!</definedName>
    <definedName name="_７_ケ_環境調整室設備整備事業">#REF!</definedName>
    <definedName name="_７_コ_内視鏡訓練施設設備整備事業" localSheetId="0">#REF!</definedName>
    <definedName name="_７_コ_内視鏡訓練施設設備整備事業">#REF!</definedName>
    <definedName name="_７_サ_医療機関アクセス支援車整備事業" localSheetId="0">#REF!</definedName>
    <definedName name="_７_サ_医療機関アクセス支援車整備事業">#REF!</definedName>
    <definedName name="_８_アスベスト除去等整備促進事業" localSheetId="0">#REF!</definedName>
    <definedName name="_８_アスベスト除去等整備促進事業">#REF!</definedName>
    <definedName name="ＨＬＡ検査センター設備整備事業" localSheetId="0">#REF!</definedName>
    <definedName name="ＨＬＡ検査センター設備整備事業">#REF!</definedName>
    <definedName name="ＮＢＣ災害・テロ対策設備整備事業" localSheetId="0">#REF!</definedName>
    <definedName name="ＮＢＣ災害・テロ対策設備整備事業">#REF!</definedName>
    <definedName name="ＮＩＣＵ等長期入院児支援事業" localSheetId="0">#REF!</definedName>
    <definedName name="ＮＩＣＵ等長期入院児支援事業">#REF!</definedName>
    <definedName name="アスベスト除去等整備促進事業" localSheetId="0">#REF!</definedName>
    <definedName name="アスベスト除去等整備促進事業">#REF!</definedName>
    <definedName name="アスベスト対策事業" localSheetId="0">#REF!</definedName>
    <definedName name="アスベスト対策事業">#REF!</definedName>
    <definedName name="ドクターヘリ導入促進事業" localSheetId="0">#REF!</definedName>
    <definedName name="ドクターヘリ導入促進事業">#REF!</definedName>
    <definedName name="ヘリコプター等添乗医師等確保事業" localSheetId="0">#REF!</definedName>
    <definedName name="ヘリコプター等添乗医師等確保事業">#REF!</definedName>
    <definedName name="医療機関アクセス支援車整備事業" localSheetId="0">#REF!</definedName>
    <definedName name="医療機関アクセス支援車整備事業">#REF!</definedName>
    <definedName name="医療提供体制設備整備事業" localSheetId="0">#REF!</definedName>
    <definedName name="医療提供体制設備整備事業">#REF!</definedName>
    <definedName name="医療連携体制推進事業" localSheetId="0">#REF!</definedName>
    <definedName name="医療連携体制推進事業">#REF!</definedName>
    <definedName name="院内感染対策設備整備事業" localSheetId="0">#REF!</definedName>
    <definedName name="院内感染対策設備整備事業">#REF!</definedName>
    <definedName name="院内感染地域支援ネットワーク事業" localSheetId="0">#REF!</definedName>
    <definedName name="院内感染地域支援ネットワーク事業">#REF!</definedName>
    <definedName name="外国人看護師候補者就労研修支援事業" localSheetId="0">#REF!</definedName>
    <definedName name="外国人看護師候補者就労研修支援事業">#REF!</definedName>
    <definedName name="環境調整室設備整備事業" localSheetId="0">#REF!</definedName>
    <definedName name="環境調整室設備整備事業">#REF!</definedName>
    <definedName name="看護職員確保対策事業" localSheetId="0">#REF!</definedName>
    <definedName name="看護職員確保対策事業">#REF!</definedName>
    <definedName name="看護職員就業相談員派遣面接相談事業" localSheetId="0">#REF!</definedName>
    <definedName name="看護職員就業相談員派遣面接相談事業">#REF!</definedName>
    <definedName name="基幹災害拠点病院設備整備事業" localSheetId="0">#REF!</definedName>
    <definedName name="基幹災害拠点病院設備整備事業">#REF!</definedName>
    <definedName name="休日夜間急患センター設備整備事業" localSheetId="0">#REF!</definedName>
    <definedName name="休日夜間急患センター設備整備事業">#REF!</definedName>
    <definedName name="救急・周産期医療情報システム機能強化事業" localSheetId="0">#REF!</definedName>
    <definedName name="救急・周産期医療情報システム機能強化事業">#REF!</definedName>
    <definedName name="救急医療情報センター_広域災害・救急医療情報システム_運営事業" localSheetId="0">#REF!</definedName>
    <definedName name="救急医療情報センター_広域災害・救急医療情報システム_運営事業">#REF!</definedName>
    <definedName name="救急医療対策事業" localSheetId="0">#REF!</definedName>
    <definedName name="救急医療対策事業">#REF!</definedName>
    <definedName name="救急患者退院コーディネーター事業" localSheetId="0">#REF!</definedName>
    <definedName name="救急患者退院コーディネーター事業">#REF!</definedName>
    <definedName name="救急救命士病院実習受入促進事業" localSheetId="0">#REF!</definedName>
    <definedName name="救急救命士病院実習受入促進事業">#REF!</definedName>
    <definedName name="救命救急センター運営事業" localSheetId="0">#REF!</definedName>
    <definedName name="救命救急センター運営事業">#REF!</definedName>
    <definedName name="救命救急センター設備整備事業" localSheetId="0">#REF!</definedName>
    <definedName name="救命救急センター設備整備事業">#REF!</definedName>
    <definedName name="共同利用型病院運営事業" localSheetId="0">#REF!</definedName>
    <definedName name="共同利用型病院運営事業">#REF!</definedName>
    <definedName name="共同利用施設設備整備事業_公的医療機関等による共同利用施設_" localSheetId="0">#REF!</definedName>
    <definedName name="共同利用施設設備整備事業_公的医療機関等による共同利用施設_">#REF!</definedName>
    <definedName name="共同利用施設設備整備事業_地域医療支援病院の共同利用部門_" localSheetId="0">#REF!</definedName>
    <definedName name="共同利用施設設備整備事業_地域医療支援病院の共同利用部門_">#REF!</definedName>
    <definedName name="航空搬送拠点臨時医療施設設備整備事業" localSheetId="0">#REF!</definedName>
    <definedName name="航空搬送拠点臨時医療施設設備整備事業">#REF!</definedName>
    <definedName name="高度救命救急センター設備整備事業" localSheetId="0">#REF!</definedName>
    <definedName name="高度救命救急センター設備整備事業">#REF!</definedName>
    <definedName name="災害拠点精神科病院設備等整備事業" localSheetId="0">#REF!</definedName>
    <definedName name="災害拠点精神科病院設備等整備事業">#REF!</definedName>
    <definedName name="歯科医療安全管理体制推進特別事業" localSheetId="0">#REF!</definedName>
    <definedName name="歯科医療安全管理体制推進特別事業">#REF!</definedName>
    <definedName name="歯科保健医療対策事業" localSheetId="0">#REF!</definedName>
    <definedName name="歯科保健医療対策事業">#REF!</definedName>
    <definedName name="自動体外式除細動器_ＡＥＤ_の普及啓発事業" localSheetId="0">#REF!</definedName>
    <definedName name="自動体外式除細動器_ＡＥＤ_の普及啓発事業">#REF!</definedName>
    <definedName name="周産期医療施設設備整備事業" localSheetId="0">#REF!</definedName>
    <definedName name="周産期医療施設設備整備事業">#REF!</definedName>
    <definedName name="周産期医療対策事業" localSheetId="0">#REF!</definedName>
    <definedName name="周産期医療対策事業">#REF!</definedName>
    <definedName name="周産期医療対策事業等" localSheetId="0">#REF!</definedName>
    <definedName name="周産期医療対策事業等">#REF!</definedName>
    <definedName name="周産期母子医療センター運営事業" localSheetId="0">#REF!</definedName>
    <definedName name="周産期母子医療センター運営事業">#REF!</definedName>
    <definedName name="助産師出向等支援導入事業" localSheetId="0">#REF!</definedName>
    <definedName name="助産師出向等支援導入事業">#REF!</definedName>
    <definedName name="小児医療施設設備整備事業" localSheetId="0">#REF!</definedName>
    <definedName name="小児医療施設設備整備事業">#REF!</definedName>
    <definedName name="小児救急医療拠点病院設備整備事業" localSheetId="0">#REF!</definedName>
    <definedName name="小児救急医療拠点病院設備整備事業">#REF!</definedName>
    <definedName name="小児救急遠隔医療設備整備事業" localSheetId="0">#REF!</definedName>
    <definedName name="小児救急遠隔医療設備整備事業">#REF!</definedName>
    <definedName name="小児救命救急センター運営事業" localSheetId="0">#REF!</definedName>
    <definedName name="小児救命救急センター運営事業">#REF!</definedName>
    <definedName name="小児集中治療室設備整備事業" localSheetId="0">#REF!</definedName>
    <definedName name="小児集中治療室設備整備事業">#REF!</definedName>
    <definedName name="小児初期救急センター運営事業" localSheetId="0">#REF!</definedName>
    <definedName name="小児初期救急センター運営事業">#REF!</definedName>
    <definedName name="小児初期救急センター設備整備事業" localSheetId="0">#REF!</definedName>
    <definedName name="小児初期救急センター設備整備事業">#REF!</definedName>
    <definedName name="人工腎臓装置不足地域設備整備事業" localSheetId="0">#REF!</definedName>
    <definedName name="人工腎臓装置不足地域設備整備事業">#REF!</definedName>
    <definedName name="地域医療対策事業" localSheetId="0">#REF!</definedName>
    <definedName name="地域医療対策事業">#REF!</definedName>
    <definedName name="地域災害拠点病院設備整備事業" localSheetId="0">#REF!</definedName>
    <definedName name="地域災害拠点病院設備整備事業">#REF!</definedName>
    <definedName name="地域療育支援施設設備整備事業" localSheetId="0">#REF!</definedName>
    <definedName name="地域療育支援施設設備整備事業">#REF!</definedName>
    <definedName name="内視鏡訓練施設設備整備事業" localSheetId="0">#REF!</definedName>
    <definedName name="内視鏡訓練施設設備整備事業">#REF!</definedName>
    <definedName name="病院群輪番制病院及び共同利用型病院設備整備事業" localSheetId="0">#REF!</definedName>
    <definedName name="病院群輪番制病院及び共同利用型病院設備整備事業">#REF!</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4" uniqueCount="24">
  <si>
    <t>参考様式</t>
    <rPh sb="0" eb="2">
      <t>サンコウ</t>
    </rPh>
    <rPh sb="2" eb="4">
      <t>ヨウシキ</t>
    </rPh>
    <phoneticPr fontId="2"/>
  </si>
  <si>
    <t>役 員 等 氏 名 一 覧 表</t>
    <phoneticPr fontId="2"/>
  </si>
  <si>
    <t>年　　月　　日</t>
    <rPh sb="0" eb="1">
      <t>ネン</t>
    </rPh>
    <rPh sb="3" eb="4">
      <t>ゲツ</t>
    </rPh>
    <rPh sb="6" eb="7">
      <t>ニチ</t>
    </rPh>
    <phoneticPr fontId="2"/>
  </si>
  <si>
    <t>現在の役員</t>
    <phoneticPr fontId="2"/>
  </si>
  <si>
    <t>役職名</t>
    <rPh sb="0" eb="3">
      <t>ヤクショクメイ</t>
    </rPh>
    <phoneticPr fontId="2"/>
  </si>
  <si>
    <t>氏名</t>
    <rPh sb="0" eb="2">
      <t>シメイ</t>
    </rPh>
    <phoneticPr fontId="2"/>
  </si>
  <si>
    <t>氏名のカナ</t>
    <rPh sb="0" eb="2">
      <t>シメイ</t>
    </rPh>
    <phoneticPr fontId="2"/>
  </si>
  <si>
    <t>生年月日</t>
    <rPh sb="0" eb="2">
      <t>セイネン</t>
    </rPh>
    <rPh sb="2" eb="4">
      <t>ガッピ</t>
    </rPh>
    <phoneticPr fontId="2"/>
  </si>
  <si>
    <t>住所</t>
    <rPh sb="0" eb="2">
      <t>ジュウショ</t>
    </rPh>
    <phoneticPr fontId="2"/>
  </si>
  <si>
    <t>代表者</t>
    <rPh sb="0" eb="3">
      <t>ダイヒョウシャ</t>
    </rPh>
    <phoneticPr fontId="2"/>
  </si>
  <si>
    <t>　記載された全ての者は、代表者又は役員に暴力団員がいないことを確認するため、本様式に記載された情報を神奈川県警察本部に照会することについて、同意しております。</t>
    <phoneticPr fontId="2"/>
  </si>
  <si>
    <t>性別</t>
    <rPh sb="0" eb="2">
      <t>セイベツ</t>
    </rPh>
    <phoneticPr fontId="2"/>
  </si>
  <si>
    <t>団体名：</t>
    <rPh sb="0" eb="2">
      <t>ダンタイ</t>
    </rPh>
    <rPh sb="2" eb="3">
      <t>メイ</t>
    </rPh>
    <phoneticPr fontId="2"/>
  </si>
  <si>
    <t>元号</t>
    <rPh sb="0" eb="2">
      <t>ゲンゴウ</t>
    </rPh>
    <phoneticPr fontId="2"/>
  </si>
  <si>
    <t>年</t>
    <rPh sb="0" eb="1">
      <t>ネン</t>
    </rPh>
    <phoneticPr fontId="2"/>
  </si>
  <si>
    <t>月</t>
    <rPh sb="0" eb="1">
      <t>ツキ</t>
    </rPh>
    <phoneticPr fontId="2"/>
  </si>
  <si>
    <t>日</t>
    <rPh sb="0" eb="1">
      <t>ヒ</t>
    </rPh>
    <phoneticPr fontId="2"/>
  </si>
  <si>
    <t>記入例</t>
    <rPh sb="0" eb="2">
      <t>キニュウ</t>
    </rPh>
    <rPh sb="2" eb="3">
      <t>レイ</t>
    </rPh>
    <phoneticPr fontId="2"/>
  </si>
  <si>
    <t>代表理事</t>
    <rPh sb="0" eb="2">
      <t>ダイヒョウ</t>
    </rPh>
    <rPh sb="2" eb="4">
      <t>リジ</t>
    </rPh>
    <phoneticPr fontId="2"/>
  </si>
  <si>
    <t>昭和</t>
    <rPh sb="0" eb="2">
      <t>ショウワ</t>
    </rPh>
    <phoneticPr fontId="2"/>
  </si>
  <si>
    <t>男</t>
    <rPh sb="0" eb="1">
      <t>オトコ</t>
    </rPh>
    <phoneticPr fontId="2"/>
  </si>
  <si>
    <t>横浜市中区日本大通１</t>
    <phoneticPr fontId="2"/>
  </si>
  <si>
    <t>神奈川　太郎</t>
    <rPh sb="0" eb="3">
      <t>カナガワ</t>
    </rPh>
    <rPh sb="4" eb="6">
      <t>タロウ</t>
    </rPh>
    <phoneticPr fontId="2"/>
  </si>
  <si>
    <t>カナガワ　タロウ</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name val="ＭＳ Ｐゴシック"/>
      <family val="3"/>
      <charset val="128"/>
    </font>
    <font>
      <sz val="10"/>
      <name val="ＭＳ 明朝"/>
      <family val="1"/>
      <charset val="128"/>
    </font>
    <font>
      <sz val="6"/>
      <name val="ＭＳ Ｐゴシック"/>
      <family val="3"/>
      <charset val="128"/>
    </font>
    <font>
      <sz val="12"/>
      <name val="ＭＳ 明朝"/>
      <family val="1"/>
      <charset val="128"/>
    </font>
    <font>
      <sz val="9"/>
      <name val="ＭＳ 明朝"/>
      <family val="1"/>
      <charset val="128"/>
    </font>
  </fonts>
  <fills count="4">
    <fill>
      <patternFill patternType="none"/>
    </fill>
    <fill>
      <patternFill patternType="gray125"/>
    </fill>
    <fill>
      <patternFill patternType="solid">
        <fgColor rgb="FFCCFFFF"/>
        <bgColor indexed="64"/>
      </patternFill>
    </fill>
    <fill>
      <patternFill patternType="solid">
        <fgColor rgb="FFFFFF00"/>
        <bgColor indexed="64"/>
      </patternFill>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right/>
      <top style="thin">
        <color indexed="64"/>
      </top>
      <bottom style="thin">
        <color indexed="64"/>
      </bottom>
      <diagonal/>
    </border>
    <border>
      <left/>
      <right/>
      <top style="thin">
        <color indexed="64"/>
      </top>
      <bottom/>
      <diagonal/>
    </border>
  </borders>
  <cellStyleXfs count="1">
    <xf numFmtId="0" fontId="0" fillId="0" borderId="0"/>
  </cellStyleXfs>
  <cellXfs count="51">
    <xf numFmtId="0" fontId="0" fillId="0" borderId="0" xfId="0"/>
    <xf numFmtId="0" fontId="1" fillId="0" borderId="0" xfId="0" applyFont="1"/>
    <xf numFmtId="0" fontId="1" fillId="2" borderId="0" xfId="0" applyFont="1" applyFill="1" applyAlignment="1">
      <alignment horizontal="right"/>
    </xf>
    <xf numFmtId="0" fontId="1" fillId="0" borderId="0" xfId="0" applyFont="1" applyAlignment="1">
      <alignment vertical="center"/>
    </xf>
    <xf numFmtId="0" fontId="1" fillId="0" borderId="0" xfId="0" applyFont="1" applyAlignment="1">
      <alignment horizontal="center"/>
    </xf>
    <xf numFmtId="0" fontId="1" fillId="0" borderId="0" xfId="0" applyFont="1" applyAlignment="1">
      <alignment wrapText="1"/>
    </xf>
    <xf numFmtId="0" fontId="0" fillId="0" borderId="0" xfId="0" applyAlignment="1">
      <alignment wrapText="1"/>
    </xf>
    <xf numFmtId="0" fontId="1" fillId="0" borderId="0" xfId="0" applyFont="1" applyAlignment="1">
      <alignment horizontal="center"/>
    </xf>
    <xf numFmtId="0" fontId="1" fillId="0" borderId="10" xfId="0" applyFont="1" applyBorder="1" applyAlignment="1">
      <alignment horizontal="left"/>
    </xf>
    <xf numFmtId="0" fontId="1" fillId="0" borderId="2" xfId="0" applyFont="1" applyBorder="1" applyAlignment="1">
      <alignment horizontal="center" vertical="center"/>
    </xf>
    <xf numFmtId="0" fontId="1" fillId="0" borderId="11" xfId="0" applyFont="1" applyBorder="1" applyAlignment="1">
      <alignment horizontal="center" vertical="center"/>
    </xf>
    <xf numFmtId="0" fontId="1" fillId="0" borderId="3" xfId="0" applyFont="1" applyBorder="1" applyAlignment="1">
      <alignment horizontal="center" vertical="center"/>
    </xf>
    <xf numFmtId="0" fontId="1" fillId="0" borderId="4" xfId="0" applyFont="1" applyBorder="1" applyAlignment="1">
      <alignment horizontal="center" vertical="center"/>
    </xf>
    <xf numFmtId="0" fontId="1" fillId="0" borderId="7" xfId="0" applyFont="1" applyBorder="1" applyAlignment="1">
      <alignment horizontal="center" vertical="center"/>
    </xf>
    <xf numFmtId="0" fontId="1" fillId="0" borderId="5" xfId="0" applyFont="1" applyBorder="1" applyAlignment="1">
      <alignment horizontal="center" vertical="center"/>
    </xf>
    <xf numFmtId="0" fontId="1" fillId="0" borderId="6" xfId="0" applyFont="1" applyBorder="1" applyAlignment="1">
      <alignment horizontal="center" vertical="center"/>
    </xf>
    <xf numFmtId="0" fontId="1" fillId="0" borderId="8" xfId="0" applyFont="1" applyBorder="1" applyAlignment="1">
      <alignment horizontal="center" vertical="center"/>
    </xf>
    <xf numFmtId="0" fontId="1" fillId="0" borderId="9" xfId="0" applyFont="1" applyBorder="1" applyAlignment="1">
      <alignment horizontal="center" vertical="center"/>
    </xf>
    <xf numFmtId="0" fontId="1" fillId="0" borderId="1" xfId="0" applyFont="1" applyBorder="1" applyAlignment="1">
      <alignment horizontal="center" vertical="center"/>
    </xf>
    <xf numFmtId="0" fontId="1" fillId="3" borderId="1" xfId="0" applyFont="1" applyFill="1" applyBorder="1" applyAlignment="1">
      <alignment horizontal="center" vertical="center"/>
    </xf>
    <xf numFmtId="0" fontId="1" fillId="3" borderId="2" xfId="0" applyFont="1" applyFill="1" applyBorder="1" applyAlignment="1">
      <alignment horizontal="center" vertical="center"/>
    </xf>
    <xf numFmtId="0" fontId="1" fillId="3" borderId="2" xfId="0" applyFont="1" applyFill="1" applyBorder="1" applyAlignment="1">
      <alignment horizontal="center" vertical="center"/>
    </xf>
    <xf numFmtId="0" fontId="1" fillId="3" borderId="3" xfId="0" applyFont="1" applyFill="1" applyBorder="1" applyAlignment="1">
      <alignment horizontal="center" vertical="center"/>
    </xf>
    <xf numFmtId="0" fontId="1" fillId="2" borderId="7"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9"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2" xfId="0" applyFont="1" applyFill="1" applyBorder="1" applyAlignment="1">
      <alignment horizontal="center" vertical="center"/>
    </xf>
    <xf numFmtId="0" fontId="1" fillId="3" borderId="1" xfId="0" applyFont="1" applyFill="1" applyBorder="1" applyAlignment="1">
      <alignment horizontal="left" vertical="center"/>
    </xf>
    <xf numFmtId="0" fontId="1" fillId="0" borderId="0" xfId="0" applyFont="1" applyAlignment="1">
      <alignment horizontal="left" vertical="center"/>
    </xf>
    <xf numFmtId="0" fontId="1" fillId="2" borderId="7" xfId="0" applyFont="1" applyFill="1" applyBorder="1" applyAlignment="1">
      <alignment horizontal="left" vertical="center"/>
    </xf>
    <xf numFmtId="0" fontId="1" fillId="2" borderId="1" xfId="0" applyFont="1" applyFill="1" applyBorder="1" applyAlignment="1">
      <alignment horizontal="left" vertical="center"/>
    </xf>
    <xf numFmtId="0" fontId="1" fillId="0" borderId="0" xfId="0" applyFont="1" applyFill="1" applyBorder="1" applyAlignment="1">
      <alignment horizontal="left" vertical="center"/>
    </xf>
    <xf numFmtId="0" fontId="1" fillId="0" borderId="0" xfId="0" applyFont="1" applyFill="1" applyBorder="1" applyAlignment="1">
      <alignment horizontal="center" vertical="center"/>
    </xf>
    <xf numFmtId="0" fontId="1" fillId="0" borderId="0" xfId="0" applyFont="1" applyFill="1" applyAlignment="1">
      <alignment horizontal="left" vertical="center"/>
    </xf>
    <xf numFmtId="0" fontId="1" fillId="3" borderId="11" xfId="0" applyFont="1" applyFill="1" applyBorder="1" applyAlignment="1">
      <alignment horizontal="center" vertical="center"/>
    </xf>
    <xf numFmtId="0" fontId="1" fillId="0" borderId="12" xfId="0" applyFont="1" applyBorder="1" applyAlignment="1">
      <alignment horizontal="center" vertical="center"/>
    </xf>
    <xf numFmtId="0" fontId="1" fillId="0" borderId="10" xfId="0" applyFont="1" applyBorder="1" applyAlignment="1">
      <alignment horizontal="center" vertical="center"/>
    </xf>
    <xf numFmtId="0" fontId="1" fillId="2" borderId="10" xfId="0" applyFont="1" applyFill="1" applyBorder="1" applyAlignment="1">
      <alignment horizontal="center" vertical="center"/>
    </xf>
    <xf numFmtId="0" fontId="3" fillId="0" borderId="0" xfId="0" applyFont="1" applyAlignment="1">
      <alignment horizontal="center"/>
    </xf>
    <xf numFmtId="0" fontId="4" fillId="0" borderId="2" xfId="0" applyFont="1" applyBorder="1" applyAlignment="1">
      <alignment horizontal="left"/>
    </xf>
    <xf numFmtId="0" fontId="4" fillId="0" borderId="11" xfId="0" applyFont="1" applyBorder="1" applyAlignment="1">
      <alignment horizontal="left"/>
    </xf>
    <xf numFmtId="0" fontId="4" fillId="0" borderId="3" xfId="0" applyFont="1" applyBorder="1" applyAlignment="1">
      <alignment horizontal="left"/>
    </xf>
    <xf numFmtId="0" fontId="4" fillId="0" borderId="0" xfId="0" applyFont="1"/>
    <xf numFmtId="0" fontId="4" fillId="0" borderId="4" xfId="0" applyFont="1" applyBorder="1"/>
    <xf numFmtId="0" fontId="4" fillId="0" borderId="4" xfId="0" applyFont="1" applyBorder="1" applyAlignment="1">
      <alignment horizontal="center"/>
    </xf>
    <xf numFmtId="0" fontId="4" fillId="0" borderId="5" xfId="0" applyFont="1" applyBorder="1" applyAlignment="1">
      <alignment horizontal="center"/>
    </xf>
    <xf numFmtId="0" fontId="4" fillId="0" borderId="5" xfId="0" applyFont="1" applyBorder="1" applyAlignment="1">
      <alignment horizontal="center"/>
    </xf>
    <xf numFmtId="0" fontId="4" fillId="0" borderId="12" xfId="0" applyFont="1" applyBorder="1" applyAlignment="1">
      <alignment horizontal="center"/>
    </xf>
    <xf numFmtId="0" fontId="4" fillId="0" borderId="6" xfId="0" applyFont="1" applyBorder="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9"/>
  <sheetViews>
    <sheetView tabSelected="1" view="pageBreakPreview" zoomScaleNormal="100" zoomScaleSheetLayoutView="100" workbookViewId="0">
      <selection activeCell="B19" sqref="B19"/>
    </sheetView>
  </sheetViews>
  <sheetFormatPr defaultColWidth="8.88671875" defaultRowHeight="12"/>
  <cols>
    <col min="1" max="1" width="17.33203125" style="1" customWidth="1"/>
    <col min="2" max="3" width="22.33203125" style="1" customWidth="1"/>
    <col min="4" max="4" width="7.88671875" style="1" customWidth="1"/>
    <col min="5" max="8" width="5.44140625" style="1" customWidth="1"/>
    <col min="9" max="9" width="7.44140625" style="1" customWidth="1"/>
    <col min="10" max="10" width="24.21875" style="1" customWidth="1"/>
    <col min="11" max="11" width="10" style="1" customWidth="1"/>
    <col min="12" max="16384" width="8.88671875" style="1"/>
  </cols>
  <sheetData>
    <row r="1" spans="1:11">
      <c r="A1" s="1" t="s">
        <v>0</v>
      </c>
    </row>
    <row r="2" spans="1:11" ht="16.8" customHeight="1">
      <c r="A2" s="40" t="s">
        <v>1</v>
      </c>
      <c r="B2" s="40"/>
      <c r="C2" s="40"/>
      <c r="D2" s="40"/>
      <c r="E2" s="40"/>
      <c r="F2" s="40"/>
      <c r="G2" s="40"/>
      <c r="H2" s="40"/>
      <c r="I2" s="40"/>
      <c r="J2" s="40"/>
      <c r="K2" s="40"/>
    </row>
    <row r="3" spans="1:11" ht="21" customHeight="1">
      <c r="A3" s="4"/>
      <c r="B3" s="4"/>
      <c r="C3" s="4"/>
      <c r="D3" s="4"/>
      <c r="E3" s="4"/>
      <c r="F3" s="4"/>
      <c r="G3" s="4"/>
      <c r="H3" s="4"/>
      <c r="I3" s="4"/>
      <c r="J3" s="8" t="s">
        <v>12</v>
      </c>
      <c r="K3" s="8"/>
    </row>
    <row r="4" spans="1:11" ht="10.199999999999999" customHeight="1">
      <c r="A4" s="4"/>
      <c r="B4" s="4"/>
      <c r="C4" s="4"/>
      <c r="D4" s="4"/>
      <c r="E4" s="4"/>
      <c r="F4" s="4"/>
      <c r="G4" s="4"/>
      <c r="H4" s="4"/>
      <c r="I4" s="4"/>
      <c r="J4" s="7"/>
      <c r="K4" s="7"/>
    </row>
    <row r="5" spans="1:11" ht="19.8" customHeight="1">
      <c r="J5" s="2" t="s">
        <v>2</v>
      </c>
      <c r="K5" s="1" t="s">
        <v>3</v>
      </c>
    </row>
    <row r="7" spans="1:11" ht="21.6" customHeight="1">
      <c r="A7" s="12" t="s">
        <v>4</v>
      </c>
      <c r="B7" s="12" t="s">
        <v>5</v>
      </c>
      <c r="C7" s="12" t="s">
        <v>6</v>
      </c>
      <c r="D7" s="9" t="s">
        <v>7</v>
      </c>
      <c r="E7" s="10"/>
      <c r="F7" s="10"/>
      <c r="G7" s="11"/>
      <c r="H7" s="12" t="s">
        <v>11</v>
      </c>
      <c r="I7" s="14" t="s">
        <v>8</v>
      </c>
      <c r="J7" s="37"/>
      <c r="K7" s="15"/>
    </row>
    <row r="8" spans="1:11" ht="21.6" customHeight="1">
      <c r="A8" s="13"/>
      <c r="B8" s="13"/>
      <c r="C8" s="13"/>
      <c r="D8" s="18" t="s">
        <v>13</v>
      </c>
      <c r="E8" s="18" t="s">
        <v>14</v>
      </c>
      <c r="F8" s="18" t="s">
        <v>15</v>
      </c>
      <c r="G8" s="18" t="s">
        <v>16</v>
      </c>
      <c r="H8" s="13"/>
      <c r="I8" s="16"/>
      <c r="J8" s="38"/>
      <c r="K8" s="17"/>
    </row>
    <row r="9" spans="1:11" s="44" customFormat="1" ht="12.6" customHeight="1">
      <c r="A9" s="41" t="s">
        <v>17</v>
      </c>
      <c r="B9" s="42"/>
      <c r="C9" s="42"/>
      <c r="D9" s="42"/>
      <c r="E9" s="42"/>
      <c r="F9" s="42"/>
      <c r="G9" s="42"/>
      <c r="H9" s="42"/>
      <c r="I9" s="42"/>
      <c r="J9" s="42"/>
      <c r="K9" s="43"/>
    </row>
    <row r="10" spans="1:11" s="30" customFormat="1" ht="26.4" customHeight="1">
      <c r="A10" s="29" t="s">
        <v>18</v>
      </c>
      <c r="B10" s="29" t="s">
        <v>22</v>
      </c>
      <c r="C10" s="29" t="s">
        <v>23</v>
      </c>
      <c r="D10" s="19" t="s">
        <v>19</v>
      </c>
      <c r="E10" s="19">
        <v>50</v>
      </c>
      <c r="F10" s="19">
        <v>4</v>
      </c>
      <c r="G10" s="19">
        <v>1</v>
      </c>
      <c r="H10" s="20" t="s">
        <v>20</v>
      </c>
      <c r="I10" s="21" t="s">
        <v>21</v>
      </c>
      <c r="J10" s="36"/>
      <c r="K10" s="22"/>
    </row>
    <row r="11" spans="1:11" s="44" customFormat="1" ht="12.6" customHeight="1">
      <c r="A11" s="45" t="s">
        <v>9</v>
      </c>
      <c r="B11" s="45"/>
      <c r="C11" s="45"/>
      <c r="D11" s="46"/>
      <c r="E11" s="46"/>
      <c r="F11" s="46"/>
      <c r="G11" s="46"/>
      <c r="H11" s="47"/>
      <c r="I11" s="48"/>
      <c r="J11" s="49"/>
      <c r="K11" s="50"/>
    </row>
    <row r="12" spans="1:11" s="30" customFormat="1" ht="24.6" customHeight="1">
      <c r="A12" s="31"/>
      <c r="B12" s="31"/>
      <c r="C12" s="31"/>
      <c r="D12" s="23"/>
      <c r="E12" s="23"/>
      <c r="F12" s="23"/>
      <c r="G12" s="23"/>
      <c r="H12" s="24"/>
      <c r="I12" s="25"/>
      <c r="J12" s="39"/>
      <c r="K12" s="26"/>
    </row>
    <row r="13" spans="1:11" s="30" customFormat="1" ht="26.4" customHeight="1">
      <c r="A13" s="32"/>
      <c r="B13" s="32"/>
      <c r="C13" s="32"/>
      <c r="D13" s="27"/>
      <c r="E13" s="27"/>
      <c r="F13" s="27"/>
      <c r="G13" s="27"/>
      <c r="H13" s="28"/>
      <c r="I13" s="25"/>
      <c r="J13" s="39"/>
      <c r="K13" s="26"/>
    </row>
    <row r="14" spans="1:11" s="30" customFormat="1" ht="26.4" customHeight="1">
      <c r="A14" s="32"/>
      <c r="B14" s="32"/>
      <c r="C14" s="32"/>
      <c r="D14" s="27"/>
      <c r="E14" s="27"/>
      <c r="F14" s="27"/>
      <c r="G14" s="27"/>
      <c r="H14" s="28"/>
      <c r="I14" s="25"/>
      <c r="J14" s="39"/>
      <c r="K14" s="26"/>
    </row>
    <row r="15" spans="1:11" s="30" customFormat="1" ht="26.4" customHeight="1">
      <c r="A15" s="32"/>
      <c r="B15" s="32"/>
      <c r="C15" s="32"/>
      <c r="D15" s="27"/>
      <c r="E15" s="27"/>
      <c r="F15" s="27"/>
      <c r="G15" s="27"/>
      <c r="H15" s="28"/>
      <c r="I15" s="25"/>
      <c r="J15" s="39"/>
      <c r="K15" s="26"/>
    </row>
    <row r="16" spans="1:11" s="30" customFormat="1" ht="26.4" customHeight="1">
      <c r="A16" s="32"/>
      <c r="B16" s="32"/>
      <c r="C16" s="32"/>
      <c r="D16" s="27"/>
      <c r="E16" s="27"/>
      <c r="F16" s="27"/>
      <c r="G16" s="27"/>
      <c r="H16" s="28"/>
      <c r="I16" s="25"/>
      <c r="J16" s="39"/>
      <c r="K16" s="26"/>
    </row>
    <row r="17" spans="1:11" s="30" customFormat="1" ht="26.4" customHeight="1">
      <c r="A17" s="32"/>
      <c r="B17" s="32"/>
      <c r="C17" s="32"/>
      <c r="D17" s="27"/>
      <c r="E17" s="27"/>
      <c r="F17" s="27"/>
      <c r="G17" s="27"/>
      <c r="H17" s="28"/>
      <c r="I17" s="25"/>
      <c r="J17" s="39"/>
      <c r="K17" s="26"/>
    </row>
    <row r="18" spans="1:11" s="30" customFormat="1" ht="26.4" customHeight="1">
      <c r="A18" s="32"/>
      <c r="B18" s="32"/>
      <c r="C18" s="32"/>
      <c r="D18" s="27"/>
      <c r="E18" s="27"/>
      <c r="F18" s="27"/>
      <c r="G18" s="27"/>
      <c r="H18" s="28"/>
      <c r="I18" s="25"/>
      <c r="J18" s="39"/>
      <c r="K18" s="26"/>
    </row>
    <row r="19" spans="1:11" s="30" customFormat="1" ht="26.4" customHeight="1">
      <c r="A19" s="32"/>
      <c r="B19" s="32"/>
      <c r="C19" s="32"/>
      <c r="D19" s="27"/>
      <c r="E19" s="27"/>
      <c r="F19" s="27"/>
      <c r="G19" s="27"/>
      <c r="H19" s="28"/>
      <c r="I19" s="25"/>
      <c r="J19" s="39"/>
      <c r="K19" s="26"/>
    </row>
    <row r="20" spans="1:11" s="30" customFormat="1" ht="26.4" customHeight="1">
      <c r="A20" s="32"/>
      <c r="B20" s="32"/>
      <c r="C20" s="32"/>
      <c r="D20" s="27"/>
      <c r="E20" s="27"/>
      <c r="F20" s="27"/>
      <c r="G20" s="27"/>
      <c r="H20" s="28"/>
      <c r="I20" s="25"/>
      <c r="J20" s="39"/>
      <c r="K20" s="26"/>
    </row>
    <row r="21" spans="1:11" s="30" customFormat="1" ht="26.4" customHeight="1">
      <c r="A21" s="32"/>
      <c r="B21" s="32"/>
      <c r="C21" s="32"/>
      <c r="D21" s="27"/>
      <c r="E21" s="27"/>
      <c r="F21" s="27"/>
      <c r="G21" s="27"/>
      <c r="H21" s="28"/>
      <c r="I21" s="25"/>
      <c r="J21" s="39"/>
      <c r="K21" s="26"/>
    </row>
    <row r="22" spans="1:11" s="30" customFormat="1" ht="26.4" customHeight="1">
      <c r="A22" s="32"/>
      <c r="B22" s="32"/>
      <c r="C22" s="32"/>
      <c r="D22" s="27"/>
      <c r="E22" s="27"/>
      <c r="F22" s="27"/>
      <c r="G22" s="27"/>
      <c r="H22" s="28"/>
      <c r="I22" s="25"/>
      <c r="J22" s="39"/>
      <c r="K22" s="26"/>
    </row>
    <row r="23" spans="1:11" s="30" customFormat="1" ht="26.4" customHeight="1">
      <c r="A23" s="32"/>
      <c r="B23" s="32"/>
      <c r="C23" s="32"/>
      <c r="D23" s="27"/>
      <c r="E23" s="27"/>
      <c r="F23" s="27"/>
      <c r="G23" s="27"/>
      <c r="H23" s="28"/>
      <c r="I23" s="25"/>
      <c r="J23" s="39"/>
      <c r="K23" s="26"/>
    </row>
    <row r="24" spans="1:11" s="30" customFormat="1" ht="26.4" customHeight="1">
      <c r="A24" s="32"/>
      <c r="B24" s="32"/>
      <c r="C24" s="32"/>
      <c r="D24" s="27"/>
      <c r="E24" s="27"/>
      <c r="F24" s="27"/>
      <c r="G24" s="27"/>
      <c r="H24" s="28"/>
      <c r="I24" s="25"/>
      <c r="J24" s="39"/>
      <c r="K24" s="26"/>
    </row>
    <row r="25" spans="1:11" s="35" customFormat="1" ht="7.8" customHeight="1">
      <c r="A25" s="33"/>
      <c r="B25" s="33"/>
      <c r="C25" s="33"/>
      <c r="D25" s="34"/>
      <c r="E25" s="34"/>
      <c r="F25" s="34"/>
      <c r="G25" s="34"/>
      <c r="H25" s="34"/>
      <c r="I25" s="34"/>
      <c r="J25" s="33"/>
      <c r="K25" s="33"/>
    </row>
    <row r="26" spans="1:11" ht="27.6" customHeight="1">
      <c r="A26" s="5" t="s">
        <v>10</v>
      </c>
      <c r="B26" s="6"/>
      <c r="C26" s="6"/>
      <c r="D26" s="6"/>
      <c r="E26" s="6"/>
      <c r="F26" s="6"/>
      <c r="G26" s="6"/>
      <c r="H26" s="6"/>
      <c r="I26" s="6"/>
      <c r="J26" s="6"/>
      <c r="K26" s="6"/>
    </row>
    <row r="28" spans="1:11" ht="16.350000000000001" customHeight="1">
      <c r="G28" s="3"/>
      <c r="H28" s="3"/>
      <c r="I28" s="3"/>
    </row>
    <row r="29" spans="1:11" ht="16.350000000000001" customHeight="1">
      <c r="G29" s="3"/>
      <c r="H29" s="3"/>
      <c r="I29" s="3"/>
    </row>
  </sheetData>
  <mergeCells count="26">
    <mergeCell ref="I14:K14"/>
    <mergeCell ref="I15:K15"/>
    <mergeCell ref="I16:K16"/>
    <mergeCell ref="I17:K17"/>
    <mergeCell ref="I18:K18"/>
    <mergeCell ref="I19:K19"/>
    <mergeCell ref="A26:K26"/>
    <mergeCell ref="I23:K23"/>
    <mergeCell ref="I24:K24"/>
    <mergeCell ref="I20:K20"/>
    <mergeCell ref="I21:K21"/>
    <mergeCell ref="I22:K22"/>
    <mergeCell ref="A9:K9"/>
    <mergeCell ref="I10:K10"/>
    <mergeCell ref="I12:K12"/>
    <mergeCell ref="I11:K11"/>
    <mergeCell ref="I13:K13"/>
    <mergeCell ref="A2:K2"/>
    <mergeCell ref="J3:K3"/>
    <mergeCell ref="J4:K4"/>
    <mergeCell ref="A7:A8"/>
    <mergeCell ref="B7:B8"/>
    <mergeCell ref="C7:C8"/>
    <mergeCell ref="D7:G7"/>
    <mergeCell ref="H7:H8"/>
    <mergeCell ref="I7:K8"/>
  </mergeCells>
  <phoneticPr fontId="2"/>
  <pageMargins left="0.70866141732283472" right="0.70866141732283472" top="0.35433070866141736" bottom="0.35433070866141736" header="0.31496062992125984" footer="0.31496062992125984"/>
  <pageSetup paperSize="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役員等氏名一覧表</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7-08T05:03:04Z</cp:lastPrinted>
  <dcterms:created xsi:type="dcterms:W3CDTF">2022-09-08T06:48:38Z</dcterms:created>
  <dcterms:modified xsi:type="dcterms:W3CDTF">2024-07-08T05:04:07Z</dcterms:modified>
</cp:coreProperties>
</file>